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21\group\01_調整グループ\02_バリアフリーの街づくり\005_会議\002_バリアフリー街づくり推進県民会議\030_調整部会\01_H30第１回\05_配布資料\"/>
    </mc:Choice>
  </mc:AlternateContent>
  <bookViews>
    <workbookView xWindow="0" yWindow="0" windowWidth="20490" windowHeight="7755"/>
  </bookViews>
  <sheets>
    <sheet name="sheet1" sheetId="4" r:id="rId1"/>
  </sheets>
  <definedNames>
    <definedName name="_xlnm.Print_Area" localSheetId="0">sheet1!$B$1:$I$4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8" uniqueCount="37">
  <si>
    <t>提案内容</t>
    <rPh sb="0" eb="2">
      <t>テイアン</t>
    </rPh>
    <rPh sb="2" eb="4">
      <t>ナイヨウ</t>
    </rPh>
    <phoneticPr fontId="1"/>
  </si>
  <si>
    <t>　障害当事者の相互理解を越え、多様な人が住むのが当然の街づくり</t>
    <rPh sb="1" eb="3">
      <t>ショウガイ</t>
    </rPh>
    <rPh sb="3" eb="6">
      <t>トウジシャ</t>
    </rPh>
    <rPh sb="7" eb="9">
      <t>ソウゴ</t>
    </rPh>
    <rPh sb="9" eb="11">
      <t>リカイ</t>
    </rPh>
    <rPh sb="12" eb="13">
      <t>コ</t>
    </rPh>
    <rPh sb="15" eb="17">
      <t>タヨウ</t>
    </rPh>
    <rPh sb="18" eb="19">
      <t>ヒト</t>
    </rPh>
    <rPh sb="20" eb="21">
      <t>ス</t>
    </rPh>
    <rPh sb="24" eb="26">
      <t>トウゼン</t>
    </rPh>
    <rPh sb="27" eb="28">
      <t>マチ</t>
    </rPh>
    <phoneticPr fontId="1"/>
  </si>
  <si>
    <t>１　バリアフリー教育の充実</t>
    <rPh sb="8" eb="10">
      <t>キョウイク</t>
    </rPh>
    <rPh sb="11" eb="13">
      <t>ジュウジツ</t>
    </rPh>
    <phoneticPr fontId="1"/>
  </si>
  <si>
    <t>　日常的な危険回避から、災害発生時にも移動や社会参加が確保される街へ</t>
    <phoneticPr fontId="1"/>
  </si>
  <si>
    <t>　条例の実効性を高め、遵守させる仕組みづくり</t>
    <phoneticPr fontId="1"/>
  </si>
  <si>
    <t>　障害者、高齢者、子どもなど多様な視点からの「みんなのための施設整備」</t>
    <phoneticPr fontId="1"/>
  </si>
  <si>
    <t>１　バリアフリー教育の充実</t>
    <phoneticPr fontId="1"/>
  </si>
  <si>
    <t>現在の提案書の内容（参考資料１，２）</t>
    <rPh sb="0" eb="2">
      <t>ゲンザイ</t>
    </rPh>
    <rPh sb="3" eb="6">
      <t>テイアンショ</t>
    </rPh>
    <rPh sb="7" eb="9">
      <t>ナイヨウ</t>
    </rPh>
    <rPh sb="10" eb="12">
      <t>サンコウ</t>
    </rPh>
    <rPh sb="12" eb="14">
      <t>シリョウ</t>
    </rPh>
    <phoneticPr fontId="1"/>
  </si>
  <si>
    <t>４　条例適合率・遵守率向上に向けた取組み</t>
    <phoneticPr fontId="1"/>
  </si>
  <si>
    <t>　障害者理解やバリアフリーの必要性、思いやりの心を自然に身につける教育の充実</t>
    <rPh sb="1" eb="4">
      <t>ショウガイシャ</t>
    </rPh>
    <rPh sb="4" eb="6">
      <t>リカイ</t>
    </rPh>
    <rPh sb="14" eb="17">
      <t>ヒツヨウセイ</t>
    </rPh>
    <rPh sb="18" eb="19">
      <t>オモ</t>
    </rPh>
    <rPh sb="23" eb="24">
      <t>ココロ</t>
    </rPh>
    <rPh sb="25" eb="27">
      <t>シゼン</t>
    </rPh>
    <rPh sb="28" eb="29">
      <t>ミ</t>
    </rPh>
    <rPh sb="33" eb="35">
      <t>キョウイク</t>
    </rPh>
    <rPh sb="36" eb="38">
      <t>ジュウジツ</t>
    </rPh>
    <phoneticPr fontId="1"/>
  </si>
  <si>
    <t>取組みテーマ
項目</t>
    <rPh sb="0" eb="2">
      <t>トリク</t>
    </rPh>
    <rPh sb="7" eb="9">
      <t>コウモク</t>
    </rPh>
    <phoneticPr fontId="1"/>
  </si>
  <si>
    <t>県民会議での振返りや提案書作成後の状況を踏まえた検討課題（案）</t>
    <rPh sb="29" eb="30">
      <t>アン</t>
    </rPh>
    <phoneticPr fontId="1"/>
  </si>
  <si>
    <t>　（１）バリアフリー教育＋人権教育のさら
　　　なる強化・推進</t>
    <phoneticPr fontId="1"/>
  </si>
  <si>
    <t>　（２）適合・遵守への関心強化</t>
    <phoneticPr fontId="1"/>
  </si>
  <si>
    <t>　（１）条例適合条件の見直し</t>
    <phoneticPr fontId="1"/>
  </si>
  <si>
    <t>３　安心して出かけられる「街」の実現を目
　指して</t>
    <phoneticPr fontId="1"/>
  </si>
  <si>
    <t>　　施設整備促進及び代替策やソフト面で
　の対応検討</t>
    <phoneticPr fontId="1"/>
  </si>
  <si>
    <t>　ア　対象別（企業・教育現場・地域住
　　民等）の取組
　イ　活動の中で各地区社協との連携</t>
    <phoneticPr fontId="1"/>
  </si>
  <si>
    <t>　ア　障害当事者によるセミナー研修（体
　　験型、対話型）
　イ　障害当事者間の相互理解促進
　ウ　各地の取組事例収集と県民への情報
　　提供</t>
    <phoneticPr fontId="1"/>
  </si>
  <si>
    <t>　ア　災害時の情報提供
　イ　情報バリア解消と情報アクセシビ
　　リティの充実</t>
    <phoneticPr fontId="1"/>
  </si>
  <si>
    <t>　ア　関係者（施設設置者及び設計者、工
　　事事業者）への研修強化
　イ　障害当事者による施設検証
　ウ　先進事例の収集と情報提供</t>
    <phoneticPr fontId="1"/>
  </si>
  <si>
    <t>　ア　障害当事者の参画
　イ　建築士、施設管理者、行政担当者へ
　　の研修
　ウ　先進的取組事例の紹介</t>
    <phoneticPr fontId="1"/>
  </si>
  <si>
    <t>２　多様な人が住まう「街」への気づ
　き、障害者理解の推進</t>
    <rPh sb="2" eb="4">
      <t>タヨウ</t>
    </rPh>
    <rPh sb="5" eb="6">
      <t>ヒト</t>
    </rPh>
    <rPh sb="7" eb="8">
      <t>ス</t>
    </rPh>
    <rPh sb="11" eb="12">
      <t>マチ</t>
    </rPh>
    <rPh sb="15" eb="16">
      <t>キ</t>
    </rPh>
    <rPh sb="21" eb="24">
      <t>ショウガイシャ</t>
    </rPh>
    <rPh sb="24" eb="26">
      <t>リカイ</t>
    </rPh>
    <rPh sb="27" eb="29">
      <t>スイシン</t>
    </rPh>
    <phoneticPr fontId="1"/>
  </si>
  <si>
    <t>３　安心して出かけられる「街」の実
　現を目指して</t>
    <phoneticPr fontId="1"/>
  </si>
  <si>
    <t>４　条例適合率・遵守率向上に向けた
　取組み</t>
    <phoneticPr fontId="1"/>
  </si>
  <si>
    <t>５ 施設の計画段階における関係者の
　参画</t>
    <phoneticPr fontId="1"/>
  </si>
  <si>
    <r>
      <t>２　多様な人が住まう「街」への気づき、障
　害者理解の推進
　</t>
    </r>
    <r>
      <rPr>
        <sz val="12"/>
        <color theme="1"/>
        <rFont val="ＭＳ 明朝"/>
        <family val="1"/>
        <charset val="128"/>
      </rPr>
      <t>（１）理解促進のための取組強化</t>
    </r>
    <phoneticPr fontId="1"/>
  </si>
  <si>
    <r>
      <t>５　施設の計画段階における関係者の参画
　</t>
    </r>
    <r>
      <rPr>
        <sz val="12"/>
        <color theme="1"/>
        <rFont val="ＭＳ 明朝"/>
        <family val="1"/>
        <charset val="128"/>
      </rPr>
      <t>（１）適切な工程（事業プロセス）参画</t>
    </r>
    <phoneticPr fontId="1"/>
  </si>
  <si>
    <t>　（１）交通機関及び関連施設のバリアフ
　　　リー強化（ハード+ソフト面）
　（２）障害種別に応じた情報提供の強化・
　　　推進</t>
    <phoneticPr fontId="1"/>
  </si>
  <si>
    <t>　（２）「心のバリアフリー」の推進</t>
    <phoneticPr fontId="1"/>
  </si>
  <si>
    <t>第15回県民会議までの取りまとめ</t>
    <rPh sb="0" eb="1">
      <t>ダイ</t>
    </rPh>
    <rPh sb="3" eb="4">
      <t>カイ</t>
    </rPh>
    <rPh sb="4" eb="6">
      <t>ケンミン</t>
    </rPh>
    <rPh sb="6" eb="8">
      <t>カイギ</t>
    </rPh>
    <rPh sb="11" eb="12">
      <t>ト</t>
    </rPh>
    <phoneticPr fontId="1"/>
  </si>
  <si>
    <t>・ 小中学生向けバリアフリー教育の
　充実
・ 高校におけるバリアフリー教育モ
　デル事業の実施
・ 地域での自発的なバリアフリー教
　育の実施
・ 協力と連携の包括協定を活用した
　事業者との共同事業の実施</t>
    <rPh sb="2" eb="6">
      <t>ショウチュウガクセイ</t>
    </rPh>
    <rPh sb="6" eb="7">
      <t>ム</t>
    </rPh>
    <rPh sb="14" eb="16">
      <t>キョウイク</t>
    </rPh>
    <rPh sb="19" eb="21">
      <t>ジュウジツ</t>
    </rPh>
    <rPh sb="24" eb="26">
      <t>コウコウ</t>
    </rPh>
    <rPh sb="36" eb="38">
      <t>キョウイク</t>
    </rPh>
    <rPh sb="43" eb="45">
      <t>ジギョウ</t>
    </rPh>
    <rPh sb="46" eb="48">
      <t>ジッシ</t>
    </rPh>
    <rPh sb="51" eb="53">
      <t>チイキ</t>
    </rPh>
    <rPh sb="55" eb="58">
      <t>ジハツテキ</t>
    </rPh>
    <rPh sb="70" eb="72">
      <t>ジッシ</t>
    </rPh>
    <rPh sb="75" eb="77">
      <t>キョウリョク</t>
    </rPh>
    <rPh sb="78" eb="80">
      <t>レンケイ</t>
    </rPh>
    <rPh sb="81" eb="83">
      <t>ホウカツ</t>
    </rPh>
    <rPh sb="83" eb="85">
      <t>キョウテイ</t>
    </rPh>
    <rPh sb="86" eb="88">
      <t>カツヨウ</t>
    </rPh>
    <rPh sb="92" eb="95">
      <t>ジギョウシャ</t>
    </rPh>
    <rPh sb="97" eb="99">
      <t>キョウドウ</t>
    </rPh>
    <rPh sb="99" eb="101">
      <t>ジギョウ</t>
    </rPh>
    <rPh sb="102" eb="104">
      <t>ジッシ</t>
    </rPh>
    <phoneticPr fontId="1"/>
  </si>
  <si>
    <t>・ 障害当事者間の課題の相互理解、
　点字ブロック上の障害物撤去
・ 障害者用駐車場の利用方法
・ 街中のトイレの情報提供やオープ
　ン利用に取り組むＮＰＯ法人との
　協働事業</t>
    <phoneticPr fontId="1"/>
  </si>
  <si>
    <t>・ バリアフリー関連情報充実
・ 駅、道路等の安全な移動経路の確
　保
・ 災害時を見据えた安全なハード運
　用の確保と情報保障
・ バリアフリー、ユニーバーサルデ
　ザインに配慮した施設整備</t>
    <phoneticPr fontId="1"/>
  </si>
  <si>
    <t>・ 整備基準の見直し、制度面を含め
　た事業者等の動機付け向上策検討　</t>
    <phoneticPr fontId="1"/>
  </si>
  <si>
    <t>取組みテーマ
目的</t>
    <rPh sb="0" eb="2">
      <t>トリクミ</t>
    </rPh>
    <rPh sb="7" eb="9">
      <t>モクテキ</t>
    </rPh>
    <phoneticPr fontId="1"/>
  </si>
  <si>
    <t>・ 公的な施設整備での率先的な取組
　み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11"/>
      <color theme="1"/>
      <name val="ＭＳ 明朝"/>
      <family val="2"/>
      <charset val="128"/>
    </font>
    <font>
      <sz val="11"/>
      <color theme="1"/>
      <name val="ＭＳ 明朝"/>
      <family val="1"/>
      <charset val="128"/>
    </font>
    <font>
      <sz val="16"/>
      <name val="ＭＳ ゴシック"/>
      <family val="3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ashDot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dashDot">
        <color indexed="64"/>
      </right>
      <top style="thin">
        <color indexed="64"/>
      </top>
      <bottom/>
      <diagonal/>
    </border>
    <border>
      <left style="thin">
        <color indexed="64"/>
      </left>
      <right style="dashDot">
        <color indexed="64"/>
      </right>
      <top/>
      <bottom/>
      <diagonal/>
    </border>
    <border>
      <left style="thin">
        <color indexed="64"/>
      </left>
      <right style="dashDot">
        <color indexed="64"/>
      </right>
      <top/>
      <bottom style="thin">
        <color indexed="64"/>
      </bottom>
      <diagonal/>
    </border>
    <border>
      <left style="dashDot">
        <color indexed="64"/>
      </left>
      <right style="thin">
        <color indexed="64"/>
      </right>
      <top/>
      <bottom/>
      <diagonal/>
    </border>
    <border>
      <left style="dashDot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6">
    <xf numFmtId="0" fontId="0" fillId="0" borderId="0" xfId="0">
      <alignment vertical="center"/>
    </xf>
    <xf numFmtId="0" fontId="0" fillId="0" borderId="0" xfId="0" applyBorder="1">
      <alignment vertical="center"/>
    </xf>
    <xf numFmtId="0" fontId="0" fillId="0" borderId="1" xfId="0" applyBorder="1" applyAlignment="1">
      <alignment horizontal="center" vertical="center"/>
    </xf>
    <xf numFmtId="0" fontId="0" fillId="0" borderId="6" xfId="0" applyBorder="1" applyAlignment="1">
      <alignment horizontal="center" vertical="center" wrapText="1"/>
    </xf>
    <xf numFmtId="0" fontId="0" fillId="0" borderId="2" xfId="0" applyBorder="1" applyAlignment="1">
      <alignment vertical="center" wrapText="1"/>
    </xf>
    <xf numFmtId="0" fontId="0" fillId="0" borderId="0" xfId="0" applyBorder="1" applyAlignment="1">
      <alignment vertical="center" wrapText="1"/>
    </xf>
    <xf numFmtId="0" fontId="5" fillId="0" borderId="0" xfId="0" applyFont="1">
      <alignment vertical="center"/>
    </xf>
    <xf numFmtId="0" fontId="0" fillId="0" borderId="12" xfId="0" applyBorder="1" applyAlignment="1">
      <alignment horizontal="center" vertical="center"/>
    </xf>
    <xf numFmtId="0" fontId="0" fillId="0" borderId="8" xfId="0" applyBorder="1" applyAlignment="1">
      <alignment vertical="center" wrapText="1"/>
    </xf>
    <xf numFmtId="0" fontId="0" fillId="0" borderId="13" xfId="0" applyBorder="1" applyAlignment="1">
      <alignment vertical="center" wrapText="1"/>
    </xf>
    <xf numFmtId="0" fontId="0" fillId="0" borderId="11" xfId="0" applyBorder="1" applyAlignment="1">
      <alignment horizontal="center" vertical="center" wrapText="1"/>
    </xf>
    <xf numFmtId="0" fontId="2" fillId="0" borderId="14" xfId="0" applyFont="1" applyBorder="1" applyAlignment="1">
      <alignment vertical="center" wrapText="1"/>
    </xf>
    <xf numFmtId="0" fontId="0" fillId="0" borderId="16" xfId="0" applyBorder="1" applyAlignment="1">
      <alignment vertical="center" wrapText="1"/>
    </xf>
    <xf numFmtId="0" fontId="0" fillId="0" borderId="15" xfId="0" applyBorder="1" applyAlignment="1">
      <alignment vertical="center" wrapText="1"/>
    </xf>
    <xf numFmtId="0" fontId="0" fillId="0" borderId="13" xfId="0" applyBorder="1" applyAlignment="1">
      <alignment vertical="center" wrapText="1"/>
    </xf>
    <xf numFmtId="0" fontId="0" fillId="0" borderId="10" xfId="0" applyBorder="1" applyAlignment="1">
      <alignment vertical="center" wrapText="1"/>
    </xf>
    <xf numFmtId="0" fontId="3" fillId="0" borderId="4" xfId="0" applyFont="1" applyBorder="1" applyAlignment="1">
      <alignment vertical="center" wrapText="1"/>
    </xf>
    <xf numFmtId="0" fontId="4" fillId="0" borderId="5" xfId="0" applyFont="1" applyBorder="1" applyAlignment="1">
      <alignment vertical="center" wrapText="1"/>
    </xf>
    <xf numFmtId="0" fontId="0" fillId="0" borderId="3" xfId="0" applyBorder="1" applyAlignment="1">
      <alignment vertical="center" wrapText="1"/>
    </xf>
    <xf numFmtId="0" fontId="0" fillId="0" borderId="4" xfId="0" applyBorder="1" applyAlignment="1">
      <alignment vertical="center" wrapText="1"/>
    </xf>
    <xf numFmtId="0" fontId="0" fillId="0" borderId="5" xfId="0" applyBorder="1" applyAlignment="1">
      <alignment vertical="center" wrapText="1"/>
    </xf>
    <xf numFmtId="0" fontId="2" fillId="0" borderId="3" xfId="0" applyFont="1" applyBorder="1" applyAlignment="1">
      <alignment vertical="center" wrapText="1"/>
    </xf>
    <xf numFmtId="0" fontId="2" fillId="0" borderId="4" xfId="0" applyFont="1" applyBorder="1" applyAlignment="1">
      <alignment vertical="center" wrapText="1"/>
    </xf>
    <xf numFmtId="0" fontId="4" fillId="0" borderId="4" xfId="0" applyFont="1" applyBorder="1" applyAlignment="1">
      <alignment vertical="center" wrapText="1"/>
    </xf>
    <xf numFmtId="0" fontId="0" fillId="0" borderId="15" xfId="0" applyBorder="1" applyAlignment="1">
      <alignment vertical="center" wrapText="1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2" fillId="0" borderId="14" xfId="0" applyFont="1" applyBorder="1" applyAlignment="1">
      <alignment vertical="top" wrapText="1"/>
    </xf>
    <xf numFmtId="0" fontId="2" fillId="0" borderId="15" xfId="0" applyFont="1" applyBorder="1" applyAlignment="1">
      <alignment vertical="top" wrapText="1"/>
    </xf>
    <xf numFmtId="0" fontId="2" fillId="0" borderId="16" xfId="0" applyFont="1" applyBorder="1" applyAlignment="1">
      <alignment vertical="top" wrapText="1"/>
    </xf>
    <xf numFmtId="0" fontId="0" fillId="0" borderId="17" xfId="0" applyBorder="1" applyAlignment="1">
      <alignment vertical="center" wrapText="1"/>
    </xf>
    <xf numFmtId="0" fontId="0" fillId="0" borderId="18" xfId="0" applyBorder="1" applyAlignment="1">
      <alignment vertical="center" wrapText="1"/>
    </xf>
    <xf numFmtId="0" fontId="0" fillId="0" borderId="16" xfId="0" applyBorder="1" applyAlignment="1">
      <alignment vertical="center" wrapText="1"/>
    </xf>
    <xf numFmtId="0" fontId="0" fillId="0" borderId="8" xfId="0" applyBorder="1" applyAlignment="1">
      <alignment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390650</xdr:colOff>
      <xdr:row>27</xdr:row>
      <xdr:rowOff>142876</xdr:rowOff>
    </xdr:from>
    <xdr:to>
      <xdr:col>6</xdr:col>
      <xdr:colOff>542926</xdr:colOff>
      <xdr:row>40</xdr:row>
      <xdr:rowOff>104775</xdr:rowOff>
    </xdr:to>
    <xdr:sp macro="" textlink="">
      <xdr:nvSpPr>
        <xdr:cNvPr id="7" name="角丸四角形 6"/>
        <xdr:cNvSpPr/>
      </xdr:nvSpPr>
      <xdr:spPr>
        <a:xfrm>
          <a:off x="4286250" y="8448676"/>
          <a:ext cx="3924301" cy="2314574"/>
        </a:xfrm>
        <a:prstGeom prst="round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b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〇</a:t>
          </a:r>
          <a:r>
            <a:rPr kumimoji="1"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障害者権利</a:t>
          </a:r>
          <a:r>
            <a:rPr kumimoji="1"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条例批准</a:t>
          </a:r>
          <a:endParaRPr kumimoji="1" lang="en-US" altLang="ja-JP" sz="1100"/>
        </a:p>
        <a:p>
          <a:pPr algn="l"/>
          <a:r>
            <a:rPr kumimoji="1" lang="ja-JP" altLang="en-US" sz="1100"/>
            <a:t>〇障害者差別解消法の施行（</a:t>
          </a:r>
          <a:r>
            <a:rPr kumimoji="1" lang="en-US" altLang="ja-JP" sz="1100"/>
            <a:t>H28</a:t>
          </a:r>
          <a:r>
            <a:rPr kumimoji="1" lang="ja-JP" altLang="en-US" sz="1100"/>
            <a:t>）</a:t>
          </a:r>
          <a:endParaRPr kumimoji="1" lang="en-US" altLang="ja-JP" sz="1100"/>
        </a:p>
        <a:p>
          <a:pPr algn="l"/>
          <a:r>
            <a:rPr kumimoji="1" lang="ja-JP" altLang="en-US" sz="1100">
              <a:solidFill>
                <a:srgbClr val="FF0000"/>
              </a:solidFill>
            </a:rPr>
            <a:t>　</a:t>
          </a:r>
          <a:r>
            <a:rPr kumimoji="1" lang="ja-JP" altLang="en-US" sz="1100">
              <a:solidFill>
                <a:sysClr val="windowText" lastClr="000000"/>
              </a:solidFill>
            </a:rPr>
            <a:t>・</a:t>
          </a:r>
          <a:r>
            <a:rPr kumimoji="1" lang="ja-JP" altLang="ja-JP" sz="11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事業者、行政</a:t>
          </a:r>
          <a:r>
            <a:rPr kumimoji="1" lang="ja-JP" altLang="en-US" sz="11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に</a:t>
          </a:r>
          <a:r>
            <a:rPr kumimoji="1" lang="ja-JP" altLang="en-US" sz="1100">
              <a:solidFill>
                <a:sysClr val="windowText" lastClr="000000"/>
              </a:solidFill>
            </a:rPr>
            <a:t>合理的配慮義務付等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1100"/>
            <a:t>〇国において改正バリアフリー新法の成立</a:t>
          </a:r>
          <a:endParaRPr kumimoji="1" lang="en-US" altLang="ja-JP" sz="1100"/>
        </a:p>
        <a:p>
          <a:pPr algn="l"/>
          <a:r>
            <a:rPr kumimoji="1" lang="ja-JP" altLang="en-US" sz="1100"/>
            <a:t>　</a:t>
          </a:r>
          <a:r>
            <a:rPr kumimoji="1" lang="ja-JP" altLang="en-US" sz="1100">
              <a:solidFill>
                <a:sysClr val="windowText" lastClr="000000"/>
              </a:solidFill>
            </a:rPr>
            <a:t>・国、国民の責務に、当事者への支援を明記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　・公共交通事業者等に計画作成義務付け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　・貸切バス、遊覧船等もバリアフリー基準適合を義務化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　・地域（市町村）で整備重点区域を設ける位置付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1100"/>
            <a:t>〇ＵＤ２０２０行動計画（内閣官房）</a:t>
          </a:r>
          <a:endParaRPr kumimoji="1" lang="en-US" altLang="ja-JP" sz="1100"/>
        </a:p>
        <a:p>
          <a:pPr algn="l"/>
          <a:r>
            <a:rPr kumimoji="1" lang="ja-JP" altLang="en-US" sz="1100"/>
            <a:t>〇オリンピック・パラリンピック開催を控えた機運醸成</a:t>
          </a:r>
          <a:endParaRPr kumimoji="1" lang="en-US" altLang="ja-JP" sz="1100"/>
        </a:p>
      </xdr:txBody>
    </xdr:sp>
    <xdr:clientData/>
  </xdr:twoCellAnchor>
  <xdr:twoCellAnchor>
    <xdr:from>
      <xdr:col>3</xdr:col>
      <xdr:colOff>0</xdr:colOff>
      <xdr:row>11</xdr:row>
      <xdr:rowOff>38097</xdr:rowOff>
    </xdr:from>
    <xdr:to>
      <xdr:col>6</xdr:col>
      <xdr:colOff>942976</xdr:colOff>
      <xdr:row>12</xdr:row>
      <xdr:rowOff>238122</xdr:rowOff>
    </xdr:to>
    <xdr:sp macro="" textlink="">
      <xdr:nvSpPr>
        <xdr:cNvPr id="4" name="下矢印 3"/>
        <xdr:cNvSpPr/>
      </xdr:nvSpPr>
      <xdr:spPr>
        <a:xfrm rot="16200000">
          <a:off x="7505700" y="2038347"/>
          <a:ext cx="581025" cy="3000376"/>
        </a:xfrm>
        <a:prstGeom prst="down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276225</xdr:colOff>
      <xdr:row>5</xdr:row>
      <xdr:rowOff>0</xdr:rowOff>
    </xdr:from>
    <xdr:to>
      <xdr:col>6</xdr:col>
      <xdr:colOff>495300</xdr:colOff>
      <xdr:row>26</xdr:row>
      <xdr:rowOff>19050</xdr:rowOff>
    </xdr:to>
    <xdr:sp macro="" textlink="">
      <xdr:nvSpPr>
        <xdr:cNvPr id="6" name="角丸四角形 5"/>
        <xdr:cNvSpPr/>
      </xdr:nvSpPr>
      <xdr:spPr>
        <a:xfrm>
          <a:off x="5886450" y="962025"/>
          <a:ext cx="2276475" cy="7181850"/>
        </a:xfrm>
        <a:prstGeom prst="round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2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１　学校等の現場以外のバリアフリー教育と、前提となる人権教育の強化が必要との意見。また、心のバリアフリーの推進も必要</a:t>
          </a: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2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２　相互理解促進を継続して行うべきとの意見。また社会情勢の変化に伴い多種多様な不便さに対応できるよう、事例の収集なども必要</a:t>
          </a: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2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３　設備面のバリアフリー化や情報アクセシビリティの推進が必要との意見</a:t>
          </a: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2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４　条例及び整備基準の見直しは定期的に行われるが、社会情勢を踏まえる必要がある。また、関心を高めるために条例の普及啓発を行うことや、各施設が実際に安心して使えるのか、条例基準とは別の検証が必要であるとの意見</a:t>
          </a: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2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５　障害当事者の参画を促す必要があるが、参画の仕方には検討が必要。また、優良事例の詳細を情報提供することにより、多くの方に参考としていただく。</a:t>
          </a: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6</xdr:col>
      <xdr:colOff>74988</xdr:colOff>
      <xdr:row>25</xdr:row>
      <xdr:rowOff>275975</xdr:rowOff>
    </xdr:from>
    <xdr:to>
      <xdr:col>7</xdr:col>
      <xdr:colOff>10274</xdr:colOff>
      <xdr:row>28</xdr:row>
      <xdr:rowOff>123573</xdr:rowOff>
    </xdr:to>
    <xdr:sp macro="" textlink="">
      <xdr:nvSpPr>
        <xdr:cNvPr id="10" name="右矢印 9"/>
        <xdr:cNvSpPr/>
      </xdr:nvSpPr>
      <xdr:spPr>
        <a:xfrm rot="19828995">
          <a:off x="7742613" y="8086475"/>
          <a:ext cx="821111" cy="523873"/>
        </a:xfrm>
        <a:prstGeom prst="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314325</xdr:colOff>
      <xdr:row>1</xdr:row>
      <xdr:rowOff>95250</xdr:rowOff>
    </xdr:from>
    <xdr:to>
      <xdr:col>6</xdr:col>
      <xdr:colOff>457200</xdr:colOff>
      <xdr:row>4</xdr:row>
      <xdr:rowOff>104775</xdr:rowOff>
    </xdr:to>
    <xdr:sp macro="" textlink="">
      <xdr:nvSpPr>
        <xdr:cNvPr id="5" name="正方形/長方形 4"/>
        <xdr:cNvSpPr/>
      </xdr:nvSpPr>
      <xdr:spPr>
        <a:xfrm>
          <a:off x="5924550" y="276225"/>
          <a:ext cx="2200275" cy="609600"/>
        </a:xfrm>
        <a:prstGeom prst="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200"/>
            <a:t>県民会議アンケートによる振返り（主な意見集約）</a:t>
          </a:r>
        </a:p>
      </xdr:txBody>
    </xdr:sp>
    <xdr:clientData/>
  </xdr:twoCellAnchor>
  <xdr:twoCellAnchor>
    <xdr:from>
      <xdr:col>8</xdr:col>
      <xdr:colOff>1609725</xdr:colOff>
      <xdr:row>0</xdr:row>
      <xdr:rowOff>85725</xdr:rowOff>
    </xdr:from>
    <xdr:to>
      <xdr:col>8</xdr:col>
      <xdr:colOff>2638425</xdr:colOff>
      <xdr:row>1</xdr:row>
      <xdr:rowOff>161925</xdr:rowOff>
    </xdr:to>
    <xdr:sp macro="" textlink="">
      <xdr:nvSpPr>
        <xdr:cNvPr id="3" name="テキスト ボックス 2"/>
        <xdr:cNvSpPr txBox="1"/>
      </xdr:nvSpPr>
      <xdr:spPr>
        <a:xfrm>
          <a:off x="13325475" y="85725"/>
          <a:ext cx="1028700" cy="257175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200"/>
            <a:t>資料２－１</a:t>
          </a:r>
        </a:p>
      </xdr:txBody>
    </xdr:sp>
    <xdr:clientData/>
  </xdr:twoCellAnchor>
  <xdr:twoCellAnchor>
    <xdr:from>
      <xdr:col>7</xdr:col>
      <xdr:colOff>714375</xdr:colOff>
      <xdr:row>28</xdr:row>
      <xdr:rowOff>38100</xdr:rowOff>
    </xdr:from>
    <xdr:to>
      <xdr:col>8</xdr:col>
      <xdr:colOff>3076575</xdr:colOff>
      <xdr:row>40</xdr:row>
      <xdr:rowOff>114300</xdr:rowOff>
    </xdr:to>
    <xdr:sp macro="" textlink="">
      <xdr:nvSpPr>
        <xdr:cNvPr id="14" name="角丸四角形 13"/>
        <xdr:cNvSpPr/>
      </xdr:nvSpPr>
      <xdr:spPr>
        <a:xfrm>
          <a:off x="9267825" y="8524875"/>
          <a:ext cx="5534025" cy="2247900"/>
        </a:xfrm>
        <a:prstGeom prst="round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b"/>
        <a:lstStyle/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１）バリアフリー、ユニバーサルデザインの原点を考えながら見直しを進める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２）今までの取り組みの振り返り（検証）を行う必要がある。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３）共生社会にユニバーサルデザインは当たり前であるという視点を含める。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４）バリアは必ず生じるので、取り除いていく取組みは継続する必要がある。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５）施設設置者、設計者側の人も部会に加え意見を言ってほしい。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６）障害者差別解消法の理念を書き加える必要がある。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７）障害の社会モデルという観点から見直しを行うべき。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８）発信の仕方は議論していく。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９）より多くの方にわかるように提案書を作成する（解説版の作成等）</a:t>
          </a:r>
        </a:p>
      </xdr:txBody>
    </xdr:sp>
    <xdr:clientData/>
  </xdr:twoCellAnchor>
  <xdr:twoCellAnchor>
    <xdr:from>
      <xdr:col>7</xdr:col>
      <xdr:colOff>1314450</xdr:colOff>
      <xdr:row>27</xdr:row>
      <xdr:rowOff>47624</xdr:rowOff>
    </xdr:from>
    <xdr:to>
      <xdr:col>8</xdr:col>
      <xdr:colOff>2705100</xdr:colOff>
      <xdr:row>29</xdr:row>
      <xdr:rowOff>66675</xdr:rowOff>
    </xdr:to>
    <xdr:sp macro="" textlink="">
      <xdr:nvSpPr>
        <xdr:cNvPr id="15" name="正方形/長方形 14"/>
        <xdr:cNvSpPr/>
      </xdr:nvSpPr>
      <xdr:spPr>
        <a:xfrm>
          <a:off x="9867900" y="8353424"/>
          <a:ext cx="4562475" cy="381001"/>
        </a:xfrm>
        <a:prstGeom prst="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100">
              <a:latin typeface="ＭＳ 明朝" panose="02020609040205080304" pitchFamily="17" charset="-128"/>
              <a:ea typeface="ＭＳ 明朝" panose="02020609040205080304" pitchFamily="17" charset="-128"/>
            </a:rPr>
            <a:t>県民会議で頂いた提案書見直しを進める上でのご意見</a:t>
          </a:r>
        </a:p>
      </xdr:txBody>
    </xdr:sp>
    <xdr:clientData/>
  </xdr:twoCellAnchor>
  <xdr:twoCellAnchor>
    <xdr:from>
      <xdr:col>8</xdr:col>
      <xdr:colOff>95250</xdr:colOff>
      <xdr:row>15</xdr:row>
      <xdr:rowOff>38099</xdr:rowOff>
    </xdr:from>
    <xdr:to>
      <xdr:col>8</xdr:col>
      <xdr:colOff>3057525</xdr:colOff>
      <xdr:row>15</xdr:row>
      <xdr:rowOff>371474</xdr:rowOff>
    </xdr:to>
    <xdr:sp macro="" textlink="">
      <xdr:nvSpPr>
        <xdr:cNvPr id="8" name="大かっこ 7"/>
        <xdr:cNvSpPr/>
      </xdr:nvSpPr>
      <xdr:spPr>
        <a:xfrm>
          <a:off x="11820525" y="4505324"/>
          <a:ext cx="2962275" cy="333375"/>
        </a:xfrm>
        <a:prstGeom prst="bracketPair">
          <a:avLst/>
        </a:prstGeom>
        <a:ln w="12700"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28575</xdr:colOff>
      <xdr:row>27</xdr:row>
      <xdr:rowOff>19050</xdr:rowOff>
    </xdr:from>
    <xdr:to>
      <xdr:col>6</xdr:col>
      <xdr:colOff>476249</xdr:colOff>
      <xdr:row>29</xdr:row>
      <xdr:rowOff>161926</xdr:rowOff>
    </xdr:to>
    <xdr:sp macro="" textlink="">
      <xdr:nvSpPr>
        <xdr:cNvPr id="2" name="正方形/長方形 1"/>
        <xdr:cNvSpPr/>
      </xdr:nvSpPr>
      <xdr:spPr>
        <a:xfrm>
          <a:off x="6324600" y="8324850"/>
          <a:ext cx="1819274" cy="504826"/>
        </a:xfrm>
        <a:prstGeom prst="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提案書作成後のバリアフリーを取巻く状況の変化等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K30"/>
  <sheetViews>
    <sheetView tabSelected="1" topLeftCell="C1" zoomScaleNormal="100" workbookViewId="0">
      <selection activeCell="C7" sqref="C7:C10"/>
    </sheetView>
  </sheetViews>
  <sheetFormatPr defaultRowHeight="14.25" x14ac:dyDescent="0.15"/>
  <cols>
    <col min="1" max="1" width="2.375" customWidth="1"/>
    <col min="2" max="3" width="35.625" customWidth="1"/>
    <col min="4" max="4" width="9" customWidth="1"/>
    <col min="7" max="7" width="11.625" customWidth="1"/>
    <col min="8" max="8" width="41.625" customWidth="1"/>
    <col min="9" max="9" width="40.625" customWidth="1"/>
    <col min="11" max="11" width="3.875" customWidth="1"/>
  </cols>
  <sheetData>
    <row r="2" spans="2:9" ht="18.75" x14ac:dyDescent="0.15">
      <c r="B2" s="6" t="s">
        <v>30</v>
      </c>
    </row>
    <row r="4" spans="2:9" x14ac:dyDescent="0.15">
      <c r="B4" s="25" t="s">
        <v>7</v>
      </c>
      <c r="C4" s="26"/>
      <c r="H4" s="25" t="s">
        <v>11</v>
      </c>
      <c r="I4" s="26"/>
    </row>
    <row r="5" spans="2:9" x14ac:dyDescent="0.15">
      <c r="B5" s="27"/>
      <c r="C5" s="28"/>
      <c r="H5" s="27"/>
      <c r="I5" s="28"/>
    </row>
    <row r="6" spans="2:9" ht="27" customHeight="1" x14ac:dyDescent="0.15">
      <c r="B6" s="3" t="s">
        <v>35</v>
      </c>
      <c r="C6" s="2" t="s">
        <v>0</v>
      </c>
      <c r="H6" s="10" t="s">
        <v>10</v>
      </c>
      <c r="I6" s="7" t="s">
        <v>0</v>
      </c>
    </row>
    <row r="7" spans="2:9" ht="30" customHeight="1" x14ac:dyDescent="0.15">
      <c r="B7" s="21" t="s">
        <v>2</v>
      </c>
      <c r="C7" s="18" t="s">
        <v>31</v>
      </c>
      <c r="H7" s="11" t="s">
        <v>6</v>
      </c>
      <c r="I7" s="8"/>
    </row>
    <row r="8" spans="2:9" ht="30" customHeight="1" x14ac:dyDescent="0.15">
      <c r="B8" s="19"/>
      <c r="C8" s="19"/>
      <c r="H8" s="24" t="s">
        <v>12</v>
      </c>
      <c r="I8" s="32" t="s">
        <v>17</v>
      </c>
    </row>
    <row r="9" spans="2:9" ht="30" customHeight="1" x14ac:dyDescent="0.15">
      <c r="B9" s="16" t="s">
        <v>9</v>
      </c>
      <c r="C9" s="19"/>
      <c r="H9" s="24"/>
      <c r="I9" s="32"/>
    </row>
    <row r="10" spans="2:9" ht="30" customHeight="1" x14ac:dyDescent="0.15">
      <c r="B10" s="17"/>
      <c r="C10" s="20"/>
      <c r="H10" s="12" t="s">
        <v>29</v>
      </c>
      <c r="I10" s="33"/>
    </row>
    <row r="11" spans="2:9" ht="24.95" customHeight="1" x14ac:dyDescent="0.15">
      <c r="B11" s="21" t="s">
        <v>22</v>
      </c>
      <c r="C11" s="18" t="s">
        <v>32</v>
      </c>
      <c r="H11" s="29" t="s">
        <v>26</v>
      </c>
      <c r="I11" s="35" t="s">
        <v>18</v>
      </c>
    </row>
    <row r="12" spans="2:9" ht="24.95" customHeight="1" x14ac:dyDescent="0.15">
      <c r="B12" s="22"/>
      <c r="C12" s="19"/>
      <c r="H12" s="30"/>
      <c r="I12" s="14"/>
    </row>
    <row r="13" spans="2:9" ht="24.95" customHeight="1" x14ac:dyDescent="0.15">
      <c r="B13" s="23" t="s">
        <v>1</v>
      </c>
      <c r="C13" s="19"/>
      <c r="H13" s="30"/>
      <c r="I13" s="14"/>
    </row>
    <row r="14" spans="2:9" ht="24.95" customHeight="1" x14ac:dyDescent="0.15">
      <c r="B14" s="17"/>
      <c r="C14" s="20"/>
      <c r="H14" s="31"/>
      <c r="I14" s="15"/>
    </row>
    <row r="15" spans="2:9" ht="30" customHeight="1" x14ac:dyDescent="0.15">
      <c r="B15" s="21" t="s">
        <v>23</v>
      </c>
      <c r="C15" s="18" t="s">
        <v>33</v>
      </c>
      <c r="H15" s="11" t="s">
        <v>15</v>
      </c>
      <c r="I15" s="8"/>
    </row>
    <row r="16" spans="2:9" ht="30" customHeight="1" x14ac:dyDescent="0.15">
      <c r="B16" s="22"/>
      <c r="C16" s="19"/>
      <c r="H16" s="24" t="s">
        <v>28</v>
      </c>
      <c r="I16" s="9" t="s">
        <v>16</v>
      </c>
    </row>
    <row r="17" spans="2:11" ht="30" customHeight="1" x14ac:dyDescent="0.15">
      <c r="B17" s="16" t="s">
        <v>3</v>
      </c>
      <c r="C17" s="19"/>
      <c r="H17" s="24"/>
      <c r="I17" s="14" t="s">
        <v>19</v>
      </c>
    </row>
    <row r="18" spans="2:11" ht="30" customHeight="1" x14ac:dyDescent="0.15">
      <c r="B18" s="17"/>
      <c r="C18" s="20"/>
      <c r="H18" s="34"/>
      <c r="I18" s="15"/>
    </row>
    <row r="19" spans="2:11" ht="24.95" customHeight="1" x14ac:dyDescent="0.15">
      <c r="B19" s="21" t="s">
        <v>24</v>
      </c>
      <c r="C19" s="18" t="s">
        <v>34</v>
      </c>
      <c r="H19" s="11" t="s">
        <v>8</v>
      </c>
      <c r="I19" s="8"/>
    </row>
    <row r="20" spans="2:11" ht="24.95" customHeight="1" x14ac:dyDescent="0.15">
      <c r="B20" s="22"/>
      <c r="C20" s="19"/>
      <c r="H20" s="13" t="s">
        <v>14</v>
      </c>
      <c r="I20" s="32" t="s">
        <v>20</v>
      </c>
    </row>
    <row r="21" spans="2:11" ht="30" customHeight="1" x14ac:dyDescent="0.15">
      <c r="B21" s="16" t="s">
        <v>4</v>
      </c>
      <c r="C21" s="19"/>
      <c r="H21" s="13" t="s">
        <v>13</v>
      </c>
      <c r="I21" s="32"/>
    </row>
    <row r="22" spans="2:11" ht="30" customHeight="1" x14ac:dyDescent="0.15">
      <c r="B22" s="17"/>
      <c r="C22" s="20"/>
      <c r="H22" s="12"/>
      <c r="I22" s="33"/>
    </row>
    <row r="23" spans="2:11" ht="20.100000000000001" customHeight="1" x14ac:dyDescent="0.15">
      <c r="B23" s="21" t="s">
        <v>25</v>
      </c>
      <c r="C23" s="18" t="s">
        <v>36</v>
      </c>
      <c r="H23" s="29" t="s">
        <v>27</v>
      </c>
      <c r="I23" s="8"/>
    </row>
    <row r="24" spans="2:11" ht="20.100000000000001" customHeight="1" x14ac:dyDescent="0.15">
      <c r="B24" s="22"/>
      <c r="C24" s="19"/>
      <c r="D24" s="1"/>
      <c r="E24" s="1"/>
      <c r="F24" s="1"/>
      <c r="G24" s="1"/>
      <c r="H24" s="30"/>
      <c r="I24" s="14" t="s">
        <v>21</v>
      </c>
      <c r="J24" s="1"/>
      <c r="K24" s="1"/>
    </row>
    <row r="25" spans="2:11" ht="24.95" customHeight="1" x14ac:dyDescent="0.15">
      <c r="B25" s="16" t="s">
        <v>5</v>
      </c>
      <c r="C25" s="19"/>
      <c r="D25" s="1"/>
      <c r="E25" s="1"/>
      <c r="F25" s="1"/>
      <c r="G25" s="1"/>
      <c r="H25" s="30"/>
      <c r="I25" s="14"/>
      <c r="J25" s="1"/>
      <c r="K25" s="1"/>
    </row>
    <row r="26" spans="2:11" ht="24.95" customHeight="1" x14ac:dyDescent="0.15">
      <c r="B26" s="17"/>
      <c r="C26" s="20"/>
      <c r="D26" s="1"/>
      <c r="E26" s="1"/>
      <c r="F26" s="1"/>
      <c r="G26" s="1"/>
      <c r="H26" s="31"/>
      <c r="I26" s="15"/>
      <c r="J26" s="1"/>
      <c r="K26" s="1"/>
    </row>
    <row r="27" spans="2:11" x14ac:dyDescent="0.15">
      <c r="B27" s="1"/>
      <c r="C27" s="1"/>
      <c r="D27" s="1"/>
      <c r="E27" s="1"/>
      <c r="F27" s="1"/>
      <c r="G27" s="1"/>
      <c r="H27" s="4"/>
      <c r="I27" s="4"/>
      <c r="J27" s="1"/>
      <c r="K27" s="1"/>
    </row>
    <row r="28" spans="2:11" x14ac:dyDescent="0.15">
      <c r="B28" s="1"/>
      <c r="C28" s="1"/>
      <c r="D28" s="1"/>
      <c r="E28" s="1"/>
      <c r="F28" s="1"/>
      <c r="G28" s="1"/>
      <c r="H28" s="5"/>
      <c r="I28" s="5"/>
      <c r="J28" s="1"/>
      <c r="K28" s="1"/>
    </row>
    <row r="29" spans="2:11" x14ac:dyDescent="0.15">
      <c r="B29" s="1"/>
      <c r="C29" s="1"/>
      <c r="H29" s="5"/>
      <c r="I29" s="5"/>
    </row>
    <row r="30" spans="2:11" x14ac:dyDescent="0.15">
      <c r="B30" s="1"/>
      <c r="C30" s="1"/>
      <c r="H30" s="5"/>
      <c r="I30" s="5"/>
    </row>
  </sheetData>
  <mergeCells count="26">
    <mergeCell ref="B13:B14"/>
    <mergeCell ref="C11:C14"/>
    <mergeCell ref="H8:H9"/>
    <mergeCell ref="B4:C5"/>
    <mergeCell ref="B23:B24"/>
    <mergeCell ref="B7:B8"/>
    <mergeCell ref="C7:C10"/>
    <mergeCell ref="B9:B10"/>
    <mergeCell ref="B11:B12"/>
    <mergeCell ref="H4:I5"/>
    <mergeCell ref="H11:H14"/>
    <mergeCell ref="I20:I22"/>
    <mergeCell ref="I8:I10"/>
    <mergeCell ref="H23:H26"/>
    <mergeCell ref="H16:H18"/>
    <mergeCell ref="I11:I14"/>
    <mergeCell ref="B15:B16"/>
    <mergeCell ref="B17:B18"/>
    <mergeCell ref="C15:C18"/>
    <mergeCell ref="B19:B20"/>
    <mergeCell ref="B21:B22"/>
    <mergeCell ref="I17:I18"/>
    <mergeCell ref="I24:I26"/>
    <mergeCell ref="B25:B26"/>
    <mergeCell ref="C23:C26"/>
    <mergeCell ref="C19:C22"/>
  </mergeCells>
  <phoneticPr fontId="1"/>
  <printOptions horizontalCentered="1"/>
  <pageMargins left="0.70866141732283472" right="0.70866141732283472" top="0.74803149606299213" bottom="0.39370078740157483" header="0.31496062992125984" footer="0.31496062992125984"/>
  <pageSetup paperSize="8" scale="92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6-20T02:37:41Z</cp:lastPrinted>
  <dcterms:created xsi:type="dcterms:W3CDTF">2018-06-18T07:45:04Z</dcterms:created>
  <dcterms:modified xsi:type="dcterms:W3CDTF">2018-06-20T05:40:28Z</dcterms:modified>
</cp:coreProperties>
</file>